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6"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林整形外科医院</t>
    <phoneticPr fontId="3"/>
  </si>
  <si>
    <t>〒693-0061 島根県出雲市姫原町114-3</t>
    <phoneticPr fontId="3"/>
  </si>
  <si>
    <t>〇</t>
  </si>
  <si>
    <t>整形外科</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552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9</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5</v>
      </c>
      <c r="K171" s="118" t="str">
        <f t="shared" ref="K171:K186" si="2">IF(OR(COUNTIF(L171:O171,"未確認")&gt;0,COUNTIF(L171:O171,"*")&gt;0),"※","")</f>
        <v/>
      </c>
      <c r="L171" s="212">
        <v>3</v>
      </c>
      <c r="M171" s="212">
        <v>1</v>
      </c>
      <c r="N171" s="212">
        <v>1</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8</v>
      </c>
      <c r="K173" s="118" t="str">
        <f t="shared" si="2"/>
        <v/>
      </c>
      <c r="L173" s="212">
        <v>2</v>
      </c>
      <c r="M173" s="212">
        <v>1</v>
      </c>
      <c r="N173" s="212">
        <v>5</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7</v>
      </c>
      <c r="K175" s="118" t="str">
        <f t="shared" si="2"/>
        <v/>
      </c>
      <c r="L175" s="212">
        <v>7</v>
      </c>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8</v>
      </c>
      <c r="K179" s="118" t="str">
        <f t="shared" si="2"/>
        <v/>
      </c>
      <c r="L179" s="212">
        <v>3</v>
      </c>
      <c r="M179" s="212"/>
      <c r="N179" s="212">
        <v>2</v>
      </c>
      <c r="O179" s="212">
        <v>3</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1</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1</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1</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1</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540</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535</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9</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5859</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542</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54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535</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5</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542</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53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1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2</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542</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542</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t="s">
        <v>748</v>
      </c>
      <c r="K367" s="118" t="str">
        <f t="shared" si="5"/>
        <v>※</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t="s">
        <v>748</v>
      </c>
      <c r="K368" s="118" t="str">
        <f t="shared" si="5"/>
        <v>※</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0</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t="s">
        <v>748</v>
      </c>
      <c r="K373" s="118" t="str">
        <f t="shared" si="5"/>
        <v>※</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t="s">
        <v>748</v>
      </c>
      <c r="K375" s="118" t="str">
        <f t="shared" si="5"/>
        <v>※</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98</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2</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18Z</dcterms:modified>
</cp:coreProperties>
</file>